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7324" autoAdjust="0"/>
    <p:restoredTop sz="94660"/>
  </p:normalViewPr>
  <p:slideViewPr>
    <p:cSldViewPr snapToGrid="0">
      <p:cViewPr varScale="1">
        <p:scale>
          <a:sx n="124" d="100"/>
          <a:sy n="124" d="100"/>
        </p:scale>
        <p:origin x="432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3A4629-1E02-75AC-26A1-D7FB28D9A8F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CFA9E9E-CB41-773C-ACA5-A3BAC32FABB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00F5CE-EA49-59DD-41F3-9E0B15625E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AA19455-1A93-E99E-E673-549F506EDD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BA6F0A7-6523-4A5B-1B82-77F9AA7BE6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46140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047F6A-8EC7-A2BB-4C23-E0B9A9B2E2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5BFC29D-86FD-7C0C-BB80-DF3D0675EEE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4B33BEC-DDDB-491C-5D15-1D6AABCE9F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40A77F8-DC2B-C023-10BB-08849E11F9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C45043-9E2F-5C5E-4835-57FA74B296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105353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1333A87-DF66-EE71-2C97-069CE958E74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2274706-2097-4340-E4F0-8EF05251D13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74B3AA-F4F8-FD38-BF10-CDF0EF7CAC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7BF2D45-ADC8-33B3-F912-94EACE7F12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708553E-388A-1639-19CF-E46F3FBD99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94753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705283-2C9E-951F-8D5F-5D970AC261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81A592B-5CD0-DC83-C319-A6E11009C80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5456FB8-ECA9-40BF-D683-C2FC8EE672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572029A-E5EE-C8BD-D16F-678583D4BB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EFA6AE-25E5-ABC1-E134-9298EF2819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71774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26591A-AC14-2970-164D-B77A9822F1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28D695-B0A3-24B9-1634-EE4493B5984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73BC20-9126-C045-5DD6-4D2D102963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F598617-D5DA-8CE8-AEAD-A5C8A5956B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BC1364-CBCB-FBAC-0CDE-F95E02CA3B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33345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E722DC-109F-8856-4582-BFF6E6E788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B8218C3-DF04-AB64-7678-8336D8F214D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C89E133-CE92-5B75-6E10-7623D396B9B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C87EC0-3F9E-5AEE-3C68-51919C6E9F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85C67E0-81FE-D558-A084-1AFFA5D989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297F0D3-110F-6845-32E9-2E3E4EAAC5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48076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0D301B-E176-F1DE-666F-7EB4E8A5353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1A1B2C1-9CE0-B998-6FC0-9BCC5FA2A91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DC3EE96-5A65-6FC5-31E7-115D60767BF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CDB030F-6E92-B26D-6D55-96F12B33491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D4F1415-59A6-FB07-D553-2B7C29AC516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A4A1C43-30B4-760F-F711-6744EDD4FA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5CB69BF-8ECD-FE96-8470-E0F145A6BB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B0F1429-9DCA-C9C7-9411-021EBC3601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412528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9AE1D3-0B9A-EA3E-0A40-B046F81538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959C100-18A6-DA74-2F69-7E93D715E4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F98B1AE-0219-E461-3443-708CCFA9B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BB6A88B-DB7B-E85F-6E06-ECC435A717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11758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AA7B7C0-2909-C3CE-3F34-75D3978A57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D84344-9A57-AB5B-4E33-0A1AEF3CC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E5028B9-8995-E23D-A394-D11A645DBE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03807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FD6157-9AFE-4850-26FC-6ED346A478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49CEC4-B281-496D-1058-C983219A63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EEE133A-609E-A6D1-806E-575EDBDC8B9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523EEE0-C2D6-D869-A82F-4749AEF3FE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29E3FDA-F39F-A9B4-0816-1921F0B7E1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6086026-35FE-169B-D70B-327A55B924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41670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C7C6AE-498A-15DF-835F-6DC66E9DFB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DAB8D80-86A8-17E1-87D1-502E369BD86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0E3DF3-C5C3-0CF6-0396-EF4D91A614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42CC459-701B-CAA0-889D-519E583E65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210E103-E752-11E6-E909-3697391966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9DE8BF7-81F1-3B99-2229-ED3B47385F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60131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A15C369-DA23-0010-1932-B943B35FB85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D63CFFD-F5D2-EC16-A36E-98B124D1D11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C27566-B865-34C1-DB3F-22431DB209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966AE6A-93B1-47AD-B3F4-088402E9C74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B79D991-5F73-A417-0B52-096B620F620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67DFA51-3D13-2D2F-C413-AD56150B00D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BB32501-5FB7-41E4-9CD9-A2629502E9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53926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image" Target="../media/image3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" name="OTLSHAPE_M_ba8758eb35e149be8dc3da6ea7e9ea02_Connector1">
            <a:extLst>
              <a:ext uri="{FF2B5EF4-FFF2-40B4-BE49-F238E27FC236}">
                <a16:creationId xmlns:a16="http://schemas.microsoft.com/office/drawing/2014/main" id="{AEE1FF25-6306-E019-BBD4-07BCDE3EF139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563882" y="3034326"/>
            <a:ext cx="0" cy="340699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ba8758eb35e149be8dc3da6ea7e9ea02_Connector2">
            <a:extLst>
              <a:ext uri="{FF2B5EF4-FFF2-40B4-BE49-F238E27FC236}">
                <a16:creationId xmlns:a16="http://schemas.microsoft.com/office/drawing/2014/main" id="{CE5F49B1-9275-2A2F-2C83-0AA6B399D664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5563882" y="3769360"/>
            <a:ext cx="0" cy="28194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1F002F2D-F500-761B-3EE9-2C68CF5F2C2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17600" y="4114800"/>
            <a:ext cx="10299700" cy="381000"/>
          </a:xfrm>
          <a:prstGeom prst="rect">
            <a:avLst/>
          </a:prstGeom>
          <a:solidFill>
            <a:srgbClr val="2A3B4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9D2B7A2-0D11-B1D5-C095-99203DFC4979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81100" y="4246880"/>
            <a:ext cx="230832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spc="-10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86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6AA0E8E-BD94-486A-3F6A-BC73DF8A0C27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651651" y="4246880"/>
            <a:ext cx="230832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spc="-10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91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03475F09-FAA9-D8F5-E845-FF932CAEC58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122202" y="4246880"/>
            <a:ext cx="230832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spc="-10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96</a:t>
            </a:r>
            <a:endParaRPr lang="en-US" sz="800" spc="-10" dirty="0">
              <a:solidFill>
                <a:schemeClr val="lt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245309B-3F39-D41F-D9BA-DDF6FF8ADB5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5593558" y="4246880"/>
            <a:ext cx="230832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spc="-10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01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6AC5E7F6-3504-8B57-E25C-C40966F250F8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7064109" y="4246880"/>
            <a:ext cx="230832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spc="-10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06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5FA79EAF-82FF-7B6A-CDD1-4A856858080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8534660" y="4246880"/>
            <a:ext cx="221599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spc="-22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11</a:t>
            </a:r>
          </a:p>
        </p:txBody>
      </p:sp>
      <p:sp>
        <p:nvSpPr>
          <p:cNvPr id="133" name="OTLSHAPE_TB_00000000000000000000000000000000_TimescaleInterval7">
            <a:extLst>
              <a:ext uri="{FF2B5EF4-FFF2-40B4-BE49-F238E27FC236}">
                <a16:creationId xmlns:a16="http://schemas.microsoft.com/office/drawing/2014/main" id="{4FEA72A3-78AD-DD10-E810-120F6FCBD188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0005210" y="4246880"/>
            <a:ext cx="230832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spc="-10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1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7BD4084-AD4E-A5A5-B441-F8F3F34CEB1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588151" y="41783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43660A2A-D6C5-FC35-D0B5-AF145D2B355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058702" y="41783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8BEFBC1B-C4AA-9A1C-71FF-BF70C70F5AA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530058" y="41783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3073E3AA-BA06-2709-5CBA-F7A9F352643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000609" y="41783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BF752F59-E59E-EBC1-650B-5EA433FD0CD0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471160" y="41783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B_00000000000000000000000000000000_Separator6">
            <a:extLst>
              <a:ext uri="{FF2B5EF4-FFF2-40B4-BE49-F238E27FC236}">
                <a16:creationId xmlns:a16="http://schemas.microsoft.com/office/drawing/2014/main" id="{4DB05DFD-E9F8-5275-9E11-0064E48A852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941710" y="41783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OTLSHAPE_M_ba8758eb35e149be8dc3da6ea7e9ea02_Shape">
            <a:extLst>
              <a:ext uri="{FF2B5EF4-FFF2-40B4-BE49-F238E27FC236}">
                <a16:creationId xmlns:a16="http://schemas.microsoft.com/office/drawing/2014/main" id="{C47D91CF-5EC8-394A-9879-0535F2619D0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449582" y="39243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3" name="OTLSHAPE_M_7b77d3039fb24fb6b6364ad8b5e3ecfc_Shape">
            <a:extLst>
              <a:ext uri="{FF2B5EF4-FFF2-40B4-BE49-F238E27FC236}">
                <a16:creationId xmlns:a16="http://schemas.microsoft.com/office/drawing/2014/main" id="{818752F8-21F3-5F36-BCC2-C531CDE120C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063359" y="44323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4" name="OTLSHAPE_M_a1d5f86a7f6f49d590143f35e4f9ac39_Shape">
            <a:extLst>
              <a:ext uri="{FF2B5EF4-FFF2-40B4-BE49-F238E27FC236}">
                <a16:creationId xmlns:a16="http://schemas.microsoft.com/office/drawing/2014/main" id="{7F7A109D-C2CB-8735-F111-91E7FDCBDD1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710512" y="39243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5" name="OTLSHAPE_M_88101de0d0a447319763898f54d551e3_Shape">
            <a:extLst>
              <a:ext uri="{FF2B5EF4-FFF2-40B4-BE49-F238E27FC236}">
                <a16:creationId xmlns:a16="http://schemas.microsoft.com/office/drawing/2014/main" id="{3964BCB3-689F-7DD8-CE6F-1A0097BC2DF6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769766" y="44323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7" name="OTLSHAPE_M_3c35b389e6c34ca697bc2b5bc3d576cf_Shape">
            <a:extLst>
              <a:ext uri="{FF2B5EF4-FFF2-40B4-BE49-F238E27FC236}">
                <a16:creationId xmlns:a16="http://schemas.microsoft.com/office/drawing/2014/main" id="{64A3F1AE-5C28-E088-B0DD-B85619E0AF7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882390" y="39243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8" name="OTLSHAPE_M_8234d3ebe22d47d7be8079e221a43b6b_Shape">
            <a:extLst>
              <a:ext uri="{FF2B5EF4-FFF2-40B4-BE49-F238E27FC236}">
                <a16:creationId xmlns:a16="http://schemas.microsoft.com/office/drawing/2014/main" id="{3E700EAA-DFF7-E017-6D0F-8A2305B274D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643669" y="44323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9" name="OTLSHAPE_M_43d14803a29c492ba1442524dfae95c3_Shape">
            <a:extLst>
              <a:ext uri="{FF2B5EF4-FFF2-40B4-BE49-F238E27FC236}">
                <a16:creationId xmlns:a16="http://schemas.microsoft.com/office/drawing/2014/main" id="{7317DD74-551F-23AA-5FD2-0246F2DF3A3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887114" y="39243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29" name="OTLSHAPE_M_36ac00df89994122848ad16167a19bf9_Shape">
            <a:extLst>
              <a:ext uri="{FF2B5EF4-FFF2-40B4-BE49-F238E27FC236}">
                <a16:creationId xmlns:a16="http://schemas.microsoft.com/office/drawing/2014/main" id="{251428B0-BA4F-999D-0A27-54A76E4F4B8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 flipV="1">
            <a:off x="9130234" y="4000500"/>
            <a:ext cx="152400" cy="177800"/>
          </a:xfrm>
          <a:prstGeom prst="triangle">
            <a:avLst/>
          </a:prstGeom>
          <a:solidFill>
            <a:srgbClr val="B366E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M_07d7cf9e2ee8458c8eb4876414933eb4_Shape">
            <a:extLst>
              <a:ext uri="{FF2B5EF4-FFF2-40B4-BE49-F238E27FC236}">
                <a16:creationId xmlns:a16="http://schemas.microsoft.com/office/drawing/2014/main" id="{703EDE4D-21D5-69F2-3794-A248C6F1DEF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flipV="1">
            <a:off x="10405893" y="4000500"/>
            <a:ext cx="152400" cy="177800"/>
          </a:xfrm>
          <a:prstGeom prst="triangle">
            <a:avLst/>
          </a:prstGeom>
          <a:solidFill>
            <a:srgbClr val="B366E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M_503e7b83c2e242d2a83a767013d13c01_Shape">
            <a:extLst>
              <a:ext uri="{FF2B5EF4-FFF2-40B4-BE49-F238E27FC236}">
                <a16:creationId xmlns:a16="http://schemas.microsoft.com/office/drawing/2014/main" id="{D02B979E-73FA-1079-B1EF-CE59B00F0E1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541531" y="4432300"/>
            <a:ext cx="152400" cy="177800"/>
          </a:xfrm>
          <a:prstGeom prst="triangle">
            <a:avLst/>
          </a:prstGeom>
          <a:solidFill>
            <a:srgbClr val="B366E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M_d424452bbe7a4bfa8c4ee8c3732f66bf_Shape">
            <a:extLst>
              <a:ext uri="{FF2B5EF4-FFF2-40B4-BE49-F238E27FC236}">
                <a16:creationId xmlns:a16="http://schemas.microsoft.com/office/drawing/2014/main" id="{EBD7D88A-CA56-605B-6A88-F004CC5BD9A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012887" y="4432300"/>
            <a:ext cx="152400" cy="177800"/>
          </a:xfrm>
          <a:prstGeom prst="triangle">
            <a:avLst/>
          </a:prstGeom>
          <a:solidFill>
            <a:srgbClr val="B366E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M_9119584bf92f4097a2e737d507bc4952_Shape">
            <a:extLst>
              <a:ext uri="{FF2B5EF4-FFF2-40B4-BE49-F238E27FC236}">
                <a16:creationId xmlns:a16="http://schemas.microsoft.com/office/drawing/2014/main" id="{A9833EFD-77F7-32B1-B21C-22D841FAD5B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88681" y="3924300"/>
            <a:ext cx="228600" cy="254000"/>
          </a:xfrm>
          <a:prstGeom prst="star8">
            <a:avLst/>
          </a:prstGeom>
          <a:solidFill>
            <a:srgbClr val="B366E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M_5268d3bc6daa44a49347b6bcea941f79_Shape">
            <a:extLst>
              <a:ext uri="{FF2B5EF4-FFF2-40B4-BE49-F238E27FC236}">
                <a16:creationId xmlns:a16="http://schemas.microsoft.com/office/drawing/2014/main" id="{5130FE1E-F181-0169-0347-B6830F3E946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15379" y="3924300"/>
            <a:ext cx="228600" cy="254000"/>
          </a:xfrm>
          <a:prstGeom prst="star8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M_1b679d4b013247ca80615b2ba7aabb87_Shape">
            <a:extLst>
              <a:ext uri="{FF2B5EF4-FFF2-40B4-BE49-F238E27FC236}">
                <a16:creationId xmlns:a16="http://schemas.microsoft.com/office/drawing/2014/main" id="{32C9A6C4-6EDA-B0CD-E34F-96928AB1997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1263580" y="4432300"/>
            <a:ext cx="152400" cy="177800"/>
          </a:xfrm>
          <a:prstGeom prst="triangle">
            <a:avLst/>
          </a:prstGeom>
          <a:solidFill>
            <a:srgbClr val="B366E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M_5268d3bc6daa44a49347b6bcea941f79_Title">
            <a:extLst>
              <a:ext uri="{FF2B5EF4-FFF2-40B4-BE49-F238E27FC236}">
                <a16:creationId xmlns:a16="http://schemas.microsoft.com/office/drawing/2014/main" id="{1F0B726F-7152-9F8B-331F-75E718573F5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75312" y="3451225"/>
            <a:ext cx="1310622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“Scrum” term appears in</a:t>
            </a:r>
          </a:p>
          <a:p>
            <a:pPr algn="ctr"/>
            <a:r>
              <a:rPr lang="en-US" sz="900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arvard Business Review</a:t>
            </a:r>
          </a:p>
        </p:txBody>
      </p:sp>
      <p:sp>
        <p:nvSpPr>
          <p:cNvPr id="26" name="OTLSHAPE_M_5268d3bc6daa44a49347b6bcea941f79_Date">
            <a:extLst>
              <a:ext uri="{FF2B5EF4-FFF2-40B4-BE49-F238E27FC236}">
                <a16:creationId xmlns:a16="http://schemas.microsoft.com/office/drawing/2014/main" id="{AE2085E4-07D4-D922-B34E-F5534B96F70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016650" y="3726815"/>
            <a:ext cx="241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 dirty="0">
                <a:solidFill>
                  <a:srgbClr val="B20E1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86</a:t>
            </a:r>
          </a:p>
        </p:txBody>
      </p:sp>
      <p:sp>
        <p:nvSpPr>
          <p:cNvPr id="136" name="OTLSHAPE_M_7b77d3039fb24fb6b6364ad8b5e3ecfc_Title">
            <a:extLst>
              <a:ext uri="{FF2B5EF4-FFF2-40B4-BE49-F238E27FC236}">
                <a16:creationId xmlns:a16="http://schemas.microsoft.com/office/drawing/2014/main" id="{C186F9CB-7CD4-06BC-1D3A-067E90E4953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378173" y="4841240"/>
            <a:ext cx="1622799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eff Sutherland uses Scrum for software development for the first time at Easel Corporation</a:t>
            </a:r>
          </a:p>
        </p:txBody>
      </p:sp>
      <p:sp>
        <p:nvSpPr>
          <p:cNvPr id="137" name="OTLSHAPE_M_7b77d3039fb24fb6b6364ad8b5e3ecfc_Date">
            <a:extLst>
              <a:ext uri="{FF2B5EF4-FFF2-40B4-BE49-F238E27FC236}">
                <a16:creationId xmlns:a16="http://schemas.microsoft.com/office/drawing/2014/main" id="{482C67F6-257F-3DEB-ED63-1B2AABB588C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064629" y="4711700"/>
            <a:ext cx="241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 dirty="0">
                <a:solidFill>
                  <a:srgbClr val="B20E1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93</a:t>
            </a:r>
          </a:p>
        </p:txBody>
      </p:sp>
      <p:sp>
        <p:nvSpPr>
          <p:cNvPr id="144" name="OTLSHAPE_M_3c35b389e6c34ca697bc2b5bc3d576cf_Title">
            <a:extLst>
              <a:ext uri="{FF2B5EF4-FFF2-40B4-BE49-F238E27FC236}">
                <a16:creationId xmlns:a16="http://schemas.microsoft.com/office/drawing/2014/main" id="{D1DF371F-7D4B-01F4-04BB-F3CDA6F3B32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213347" y="3243580"/>
            <a:ext cx="1566685" cy="5257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OPSLA 95 conference:</a:t>
            </a:r>
          </a:p>
          <a:p>
            <a:pPr algn="ctr"/>
            <a:r>
              <a:rPr lang="en-US" sz="900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eff Sutherland and Ken Schwaber formalize the Scrum Development Framework</a:t>
            </a:r>
          </a:p>
        </p:txBody>
      </p:sp>
      <p:sp>
        <p:nvSpPr>
          <p:cNvPr id="145" name="OTLSHAPE_M_3c35b389e6c34ca697bc2b5bc3d576cf_Date">
            <a:extLst>
              <a:ext uri="{FF2B5EF4-FFF2-40B4-BE49-F238E27FC236}">
                <a16:creationId xmlns:a16="http://schemas.microsoft.com/office/drawing/2014/main" id="{27649B4E-6EC7-244D-D35B-D051A5D0692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883660" y="3782060"/>
            <a:ext cx="241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>
                <a:solidFill>
                  <a:srgbClr val="B20E1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95</a:t>
            </a:r>
          </a:p>
        </p:txBody>
      </p:sp>
      <p:sp>
        <p:nvSpPr>
          <p:cNvPr id="162" name="OTLSHAPE_M_8234d3ebe22d47d7be8079e221a43b6b_Title">
            <a:extLst>
              <a:ext uri="{FF2B5EF4-FFF2-40B4-BE49-F238E27FC236}">
                <a16:creationId xmlns:a16="http://schemas.microsoft.com/office/drawing/2014/main" id="{BD93B684-CC44-8901-F5CC-8845FFE659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722389" y="4841240"/>
            <a:ext cx="20828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rst Scrum book:</a:t>
            </a:r>
          </a:p>
          <a:p>
            <a:pPr algn="ctr"/>
            <a:r>
              <a:rPr lang="en-US" sz="900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gile Software Development with Scrum </a:t>
            </a:r>
            <a:br>
              <a:rPr lang="en-US" sz="900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900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Ken Schwaber, Mike Beedle)</a:t>
            </a:r>
          </a:p>
        </p:txBody>
      </p:sp>
      <p:sp>
        <p:nvSpPr>
          <p:cNvPr id="163" name="OTLSHAPE_M_8234d3ebe22d47d7be8079e221a43b6b_Date">
            <a:extLst>
              <a:ext uri="{FF2B5EF4-FFF2-40B4-BE49-F238E27FC236}">
                <a16:creationId xmlns:a16="http://schemas.microsoft.com/office/drawing/2014/main" id="{9B5BB57E-F796-9A31-CC86-F770FD1853C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644938" y="4711700"/>
            <a:ext cx="241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>
                <a:solidFill>
                  <a:srgbClr val="B20E1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01</a:t>
            </a:r>
          </a:p>
        </p:txBody>
      </p:sp>
      <p:sp>
        <p:nvSpPr>
          <p:cNvPr id="170" name="OTLSHAPE_M_a1d5f86a7f6f49d590143f35e4f9ac39_Title">
            <a:extLst>
              <a:ext uri="{FF2B5EF4-FFF2-40B4-BE49-F238E27FC236}">
                <a16:creationId xmlns:a16="http://schemas.microsoft.com/office/drawing/2014/main" id="{8B4520B1-8E6E-684B-91C3-7B0A8954836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297423" y="3375025"/>
            <a:ext cx="10668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en Schwaber and Mike Cohn co-found the Scrum Alliance</a:t>
            </a:r>
          </a:p>
        </p:txBody>
      </p:sp>
      <p:sp>
        <p:nvSpPr>
          <p:cNvPr id="171" name="OTLSHAPE_M_a1d5f86a7f6f49d590143f35e4f9ac39_Date">
            <a:extLst>
              <a:ext uri="{FF2B5EF4-FFF2-40B4-BE49-F238E27FC236}">
                <a16:creationId xmlns:a16="http://schemas.microsoft.com/office/drawing/2014/main" id="{439BAA21-1BFA-46BC-C2E7-BD9A39F957B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711782" y="3782060"/>
            <a:ext cx="241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>
                <a:solidFill>
                  <a:srgbClr val="B20E1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02</a:t>
            </a:r>
          </a:p>
        </p:txBody>
      </p:sp>
      <p:sp>
        <p:nvSpPr>
          <p:cNvPr id="175" name="OTLSHAPE_M_43d14803a29c492ba1442524dfae95c3_Title">
            <a:extLst>
              <a:ext uri="{FF2B5EF4-FFF2-40B4-BE49-F238E27FC236}">
                <a16:creationId xmlns:a16="http://schemas.microsoft.com/office/drawing/2014/main" id="{DCB8475F-7403-9841-BF96-CEB16CA3628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487910" y="3375025"/>
            <a:ext cx="1049507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eff Sutherland creates his own company, Scrum.inc</a:t>
            </a:r>
          </a:p>
        </p:txBody>
      </p:sp>
      <p:sp>
        <p:nvSpPr>
          <p:cNvPr id="176" name="OTLSHAPE_M_43d14803a29c492ba1442524dfae95c3_Date">
            <a:extLst>
              <a:ext uri="{FF2B5EF4-FFF2-40B4-BE49-F238E27FC236}">
                <a16:creationId xmlns:a16="http://schemas.microsoft.com/office/drawing/2014/main" id="{97E62DF9-AD1C-1B21-C03D-C0C359E45E3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888383" y="3782060"/>
            <a:ext cx="241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>
                <a:solidFill>
                  <a:srgbClr val="B20E1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06</a:t>
            </a:r>
          </a:p>
        </p:txBody>
      </p:sp>
      <p:sp>
        <p:nvSpPr>
          <p:cNvPr id="190" name="OTLSHAPE_M_88101de0d0a447319763898f54d551e3_Title">
            <a:extLst>
              <a:ext uri="{FF2B5EF4-FFF2-40B4-BE49-F238E27FC236}">
                <a16:creationId xmlns:a16="http://schemas.microsoft.com/office/drawing/2014/main" id="{D7A3C9F6-9242-8E69-B694-D61D6AC10CD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496441" y="4889973"/>
            <a:ext cx="783815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en Schwaber founds Scrum.org</a:t>
            </a:r>
          </a:p>
        </p:txBody>
      </p:sp>
      <p:sp>
        <p:nvSpPr>
          <p:cNvPr id="191" name="OTLSHAPE_M_88101de0d0a447319763898f54d551e3_Date">
            <a:extLst>
              <a:ext uri="{FF2B5EF4-FFF2-40B4-BE49-F238E27FC236}">
                <a16:creationId xmlns:a16="http://schemas.microsoft.com/office/drawing/2014/main" id="{6DAC8361-23DB-FB21-C026-E4FB76BF474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771037" y="4760433"/>
            <a:ext cx="241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 dirty="0">
                <a:solidFill>
                  <a:srgbClr val="B20E1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09</a:t>
            </a:r>
          </a:p>
        </p:txBody>
      </p:sp>
      <p:sp>
        <p:nvSpPr>
          <p:cNvPr id="197" name="OTLSHAPE_M_9119584bf92f4097a2e737d507bc4952_Title">
            <a:extLst>
              <a:ext uri="{FF2B5EF4-FFF2-40B4-BE49-F238E27FC236}">
                <a16:creationId xmlns:a16="http://schemas.microsoft.com/office/drawing/2014/main" id="{AF207E33-69FD-C1FF-EEDE-C1C96D915D3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869458" y="3375025"/>
            <a:ext cx="6731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e first Scrum Guide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 published</a:t>
            </a:r>
          </a:p>
        </p:txBody>
      </p:sp>
      <p:sp>
        <p:nvSpPr>
          <p:cNvPr id="198" name="OTLSHAPE_M_9119584bf92f4097a2e737d507bc4952_Date">
            <a:extLst>
              <a:ext uri="{FF2B5EF4-FFF2-40B4-BE49-F238E27FC236}">
                <a16:creationId xmlns:a16="http://schemas.microsoft.com/office/drawing/2014/main" id="{D7FAF6CA-2F34-A371-527D-783965F7F22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089951" y="3782060"/>
            <a:ext cx="241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 dirty="0">
                <a:solidFill>
                  <a:srgbClr val="B20E1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10</a:t>
            </a:r>
          </a:p>
        </p:txBody>
      </p:sp>
      <p:sp>
        <p:nvSpPr>
          <p:cNvPr id="200" name="OTLSHAPE_M_1b679d4b013247ca80615b2ba7aabb87_Title">
            <a:extLst>
              <a:ext uri="{FF2B5EF4-FFF2-40B4-BE49-F238E27FC236}">
                <a16:creationId xmlns:a16="http://schemas.microsoft.com/office/drawing/2014/main" id="{566B5E92-F9A6-4627-A447-7725A6F97E3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1028545" y="4765040"/>
            <a:ext cx="6350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e Scrum Guide Version 7</a:t>
            </a:r>
          </a:p>
        </p:txBody>
      </p:sp>
      <p:sp>
        <p:nvSpPr>
          <p:cNvPr id="201" name="OTLSHAPE_M_1b679d4b013247ca80615b2ba7aabb87_Date">
            <a:extLst>
              <a:ext uri="{FF2B5EF4-FFF2-40B4-BE49-F238E27FC236}">
                <a16:creationId xmlns:a16="http://schemas.microsoft.com/office/drawing/2014/main" id="{7F72656C-FF53-54DF-0B84-579CBCD6CE9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1226750" y="4635500"/>
            <a:ext cx="241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>
                <a:solidFill>
                  <a:srgbClr val="B20E1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20</a:t>
            </a:r>
          </a:p>
        </p:txBody>
      </p:sp>
      <p:sp>
        <p:nvSpPr>
          <p:cNvPr id="41" name="OTLSHAPE_M_ba8758eb35e149be8dc3da6ea7e9ea02_Title">
            <a:extLst>
              <a:ext uri="{FF2B5EF4-FFF2-40B4-BE49-F238E27FC236}">
                <a16:creationId xmlns:a16="http://schemas.microsoft.com/office/drawing/2014/main" id="{C07C56F9-6387-B38F-86E1-2D1D5EF94BB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126623" y="2587286"/>
            <a:ext cx="2882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e Agile Alliance is established</a:t>
            </a:r>
          </a:p>
          <a:p>
            <a:pPr algn="ctr"/>
            <a:r>
              <a:rPr lang="en-GB" sz="1000" b="1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e Agile Manifesto and Principles </a:t>
            </a:r>
            <a:r>
              <a:rPr lang="en-GB" sz="1000" b="1" spc="-2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re released</a:t>
            </a:r>
            <a:endParaRPr lang="en-US" sz="1000" b="1" spc="-2" dirty="0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OTLSHAPE_M_ba8758eb35e149be8dc3da6ea7e9ea02_Date">
            <a:extLst>
              <a:ext uri="{FF2B5EF4-FFF2-40B4-BE49-F238E27FC236}">
                <a16:creationId xmlns:a16="http://schemas.microsoft.com/office/drawing/2014/main" id="{D9A417E2-B0F7-2492-02B7-7F56882E339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450852" y="2892086"/>
            <a:ext cx="241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>
                <a:solidFill>
                  <a:srgbClr val="B20E1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01</a:t>
            </a:r>
          </a:p>
        </p:txBody>
      </p:sp>
      <p:sp>
        <p:nvSpPr>
          <p:cNvPr id="227" name="OTLSHAPE_M_36ac00df89994122848ad16167a19bf9_Title">
            <a:extLst>
              <a:ext uri="{FF2B5EF4-FFF2-40B4-BE49-F238E27FC236}">
                <a16:creationId xmlns:a16="http://schemas.microsoft.com/office/drawing/2014/main" id="{D7D74DC1-6F63-180C-E852-7D4E548949C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911075" y="3451225"/>
            <a:ext cx="616527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e Scrum Guide </a:t>
            </a:r>
            <a:r>
              <a:rPr lang="en-US" sz="900" dirty="0">
                <a:solidFill>
                  <a:schemeClr val="dk1"/>
                </a:solidFill>
                <a:latin typeface="Arial" panose="020B0604020202020204" pitchFamily="34" charset="0"/>
              </a:rPr>
              <a:t>Version 4</a:t>
            </a:r>
          </a:p>
        </p:txBody>
      </p:sp>
      <p:sp>
        <p:nvSpPr>
          <p:cNvPr id="228" name="OTLSHAPE_M_36ac00df89994122848ad16167a19bf9_Date">
            <a:extLst>
              <a:ext uri="{FF2B5EF4-FFF2-40B4-BE49-F238E27FC236}">
                <a16:creationId xmlns:a16="http://schemas.microsoft.com/office/drawing/2014/main" id="{805785BD-DEB8-51F9-9DED-246B5B6C348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093405" y="3858260"/>
            <a:ext cx="228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 dirty="0">
                <a:solidFill>
                  <a:srgbClr val="B20E12"/>
                </a:solidFill>
                <a:latin typeface="Arial" panose="020B0604020202020204" pitchFamily="34" charset="0"/>
              </a:rPr>
              <a:t>2013</a:t>
            </a:r>
          </a:p>
        </p:txBody>
      </p:sp>
      <p:sp>
        <p:nvSpPr>
          <p:cNvPr id="230" name="OTLSHAPE_M_07d7cf9e2ee8458c8eb4876414933eb4_Title">
            <a:extLst>
              <a:ext uri="{FF2B5EF4-FFF2-40B4-BE49-F238E27FC236}">
                <a16:creationId xmlns:a16="http://schemas.microsoft.com/office/drawing/2014/main" id="{FEBD7DE5-96B4-5610-B5C8-E1FEEA7777C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186733" y="3451225"/>
            <a:ext cx="5969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e Scrum Guide </a:t>
            </a:r>
            <a:r>
              <a:rPr lang="en-US" sz="900" dirty="0">
                <a:solidFill>
                  <a:schemeClr val="dk1"/>
                </a:solidFill>
                <a:latin typeface="Arial" panose="020B0604020202020204" pitchFamily="34" charset="0"/>
              </a:rPr>
              <a:t>Version 6</a:t>
            </a:r>
          </a:p>
        </p:txBody>
      </p:sp>
      <p:sp>
        <p:nvSpPr>
          <p:cNvPr id="243" name="OTLSHAPE_M_07d7cf9e2ee8458c8eb4876414933eb4_Date">
            <a:extLst>
              <a:ext uri="{FF2B5EF4-FFF2-40B4-BE49-F238E27FC236}">
                <a16:creationId xmlns:a16="http://schemas.microsoft.com/office/drawing/2014/main" id="{083EE0CB-ED65-FDCF-6FCC-731747CB6B7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369063" y="3858260"/>
            <a:ext cx="228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>
                <a:solidFill>
                  <a:srgbClr val="B20E12"/>
                </a:solidFill>
                <a:latin typeface="Arial" panose="020B0604020202020204" pitchFamily="34" charset="0"/>
              </a:rPr>
              <a:t>2017</a:t>
            </a:r>
          </a:p>
        </p:txBody>
      </p:sp>
      <p:sp>
        <p:nvSpPr>
          <p:cNvPr id="245" name="OTLSHAPE_M_503e7b83c2e242d2a83a767013d13c01_Title">
            <a:extLst>
              <a:ext uri="{FF2B5EF4-FFF2-40B4-BE49-F238E27FC236}">
                <a16:creationId xmlns:a16="http://schemas.microsoft.com/office/drawing/2014/main" id="{2A9817FE-F3BA-60D2-303D-661D30CB792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287298" y="4790414"/>
            <a:ext cx="6731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8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e Scrum Guide </a:t>
            </a:r>
            <a:r>
              <a:rPr lang="en-US" sz="900" spc="-8" dirty="0">
                <a:solidFill>
                  <a:schemeClr val="dk1"/>
                </a:solidFill>
                <a:latin typeface="Arial" panose="020B0604020202020204" pitchFamily="34" charset="0"/>
              </a:rPr>
              <a:t>Versions 2, 3</a:t>
            </a:r>
          </a:p>
        </p:txBody>
      </p:sp>
      <p:sp>
        <p:nvSpPr>
          <p:cNvPr id="246" name="OTLSHAPE_M_503e7b83c2e242d2a83a767013d13c01_Date">
            <a:extLst>
              <a:ext uri="{FF2B5EF4-FFF2-40B4-BE49-F238E27FC236}">
                <a16:creationId xmlns:a16="http://schemas.microsoft.com/office/drawing/2014/main" id="{20FE2FEF-A6CB-4039-9251-603D4D5C6B7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508468" y="4660874"/>
            <a:ext cx="228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22" dirty="0">
                <a:solidFill>
                  <a:srgbClr val="B20E12"/>
                </a:solidFill>
                <a:latin typeface="Arial" panose="020B0604020202020204" pitchFamily="34" charset="0"/>
              </a:rPr>
              <a:t>2011</a:t>
            </a:r>
          </a:p>
        </p:txBody>
      </p:sp>
      <p:sp>
        <p:nvSpPr>
          <p:cNvPr id="248" name="OTLSHAPE_M_d424452bbe7a4bfa8c4ee8c3732f66bf_Title">
            <a:extLst>
              <a:ext uri="{FF2B5EF4-FFF2-40B4-BE49-F238E27FC236}">
                <a16:creationId xmlns:a16="http://schemas.microsoft.com/office/drawing/2014/main" id="{137EFE5D-0F47-0B77-71CA-801974F3E96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793728" y="4765040"/>
            <a:ext cx="5969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e Scrum Guide</a:t>
            </a:r>
          </a:p>
          <a:p>
            <a:pPr algn="ctr"/>
            <a:r>
              <a:rPr lang="en-US" sz="900" dirty="0">
                <a:solidFill>
                  <a:schemeClr val="dk1"/>
                </a:solidFill>
                <a:latin typeface="Arial" panose="020B0604020202020204" pitchFamily="34" charset="0"/>
              </a:rPr>
              <a:t>Version 5</a:t>
            </a:r>
          </a:p>
        </p:txBody>
      </p:sp>
      <p:sp>
        <p:nvSpPr>
          <p:cNvPr id="249" name="OTLSHAPE_M_d424452bbe7a4bfa8c4ee8c3732f66bf_Date">
            <a:extLst>
              <a:ext uri="{FF2B5EF4-FFF2-40B4-BE49-F238E27FC236}">
                <a16:creationId xmlns:a16="http://schemas.microsoft.com/office/drawing/2014/main" id="{AF1C118B-DCCE-DDB8-8D6C-CD3C6CB263D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976057" y="4635500"/>
            <a:ext cx="228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>
                <a:solidFill>
                  <a:srgbClr val="B20E12"/>
                </a:solidFill>
                <a:latin typeface="Arial" panose="020B0604020202020204" pitchFamily="34" charset="0"/>
              </a:rPr>
              <a:t>2016</a:t>
            </a: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D0AC7435-6238-16C1-C2EA-8D5437872EBA}"/>
              </a:ext>
            </a:extLst>
          </p:cNvPr>
          <p:cNvSpPr txBox="1"/>
          <p:nvPr/>
        </p:nvSpPr>
        <p:spPr>
          <a:xfrm>
            <a:off x="2100547" y="645132"/>
            <a:ext cx="79909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800" b="1" dirty="0">
                <a:solidFill>
                  <a:schemeClr val="accent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story of Scrum timeline</a:t>
            </a:r>
          </a:p>
        </p:txBody>
      </p:sp>
      <p:pic>
        <p:nvPicPr>
          <p:cNvPr id="224" name="Picture 223" descr="A black background with a black screen&#10;&#10;Description automatically generated">
            <a:extLst>
              <a:ext uri="{FF2B5EF4-FFF2-40B4-BE49-F238E27FC236}">
                <a16:creationId xmlns:a16="http://schemas.microsoft.com/office/drawing/2014/main" id="{4F96384C-53AF-B9AE-AF7C-F3020E118715}"/>
              </a:ext>
            </a:extLst>
          </p:cNvPr>
          <p:cNvPicPr>
            <a:picLocks noChangeAspect="1"/>
          </p:cNvPicPr>
          <p:nvPr/>
        </p:nvPicPr>
        <p:blipFill>
          <a:blip r:embed="rId6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0409" y="1575658"/>
            <a:ext cx="1991183" cy="2743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955183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oiNy4wMC4wM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wLCJTaGFwZVN0eWxlIjp7IiRpZCI6IjI2IiwiTWFyZ2luIjp7IiRpZCI6IjI3IiwiVG9wIjowLjAsIkxlZnQiOjEyLjAsIlJpZ2h0IjoxMi4wLCJCb3R0b20iOjAuMH0sIlBhZGRpbmciOnsiJGlkIjoiMjgiLCJUb3AiOjUuMCwiTGVmdCI6MC4wLCJSaWdodCI6MC4wLCJCb3R0b20iOjUuMH0sIkJhY2tncm91bmQiOnsiJGlkIjoiMjkiLCJDb2xvciI6eyIkaWQiOiIzMCIsIkEiOjI1NSwiUiI6NDIsIkciOjU5LCJCIjo3Nn19LCJJc1Zpc2libGUiOnRydWUsIldpZHRoIjo4NTg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IsIkZvbnROYW1lIjoiQ2FsaWJyaSIsIklzQm9sZCI6dHJ1ZSwiSXNJdGFsaWMiOmZhbHNlLCJJc1VuZGVybGluZWQiOmZhbHNlLCJQYXJlbnRTdHlsZSI6bnVsbH0sIkF1dG9TaXplIjowLCJGb3JlZ3JvdW5kIjp7IiRpZCI6IjUyIiwiQ29sb3IiOnsiJGlkIjoiNT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4OSwiUiI6MCwiRyI6MCwiQiI6MH19LCJJc1Zpc2libGUiOmZhbHNlLCJXaWR0aCI6MC4wLCJIZWlnaHQiOjAuMCwiQm9yZGVyU3R5bGUiOm51bGw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wLCJTaG93U2VnbWVudFNlcGFyYXRvcnMiOnRydWUsIlNlZ21lbnRTZXBhcmF0b3JPcGFjaXR5IjozMCwiSGFzQmVlblZpc2libGVCZWZvcmUiOnRydWUsIkZvbnRTZXR0aW5ncyI6eyIkaWQiOiI4MCIsIkZvbnRTaXplIjo4LCJGb250TmFtZSI6IkFyaWFsIiwiSXNCb2xkIjpmYWxzZSwiSXNJdGFsaWMiOmZhbHNlLCJJc1VuZGVybGluZWQiOmZhbHNlLCJQYXJlbnRTdHlsZSI6bnVsbH0sIkF1dG9TaXplIjowLCJGb3JlZ3JvdW5kIjp7IiRpZCI6IjgxIiwiQ29sb3IiOnsiJGlkIjoiOD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4OSwiUiI6MCwiRyI6MCwiQiI6MH19LCJJc1Zpc2libGUiOnRydWUsIldpZHRoIjowLjAsIkhlaWdodCI6MC4wLCJCb3JkZXJTdHlsZSI6bnVsbCwiUGFyZW50U3R5bGUiOm51bGx9LCJEYXRlU3R5bGUiOnsiJGlkIjoiMTMyIiwiRm9udFNldHRpbmdzIjp7IiRpZCI6IjEzMyIsIkZvbnRTaXplIjo5LCJGb250TmFtZSI6IkNhbGlicmkiLCJJc0JvbGQiOmZhbHNlLCJJc0l0YWxpYyI6ZmFsc2UsIklzVW5kZXJsaW5lZCI6ZmFsc2UsIlBhcmVudFN0eWxlIjpudWxsfSwiQXV0b1NpemUiOjAsIkZvcmVncm91bmQiOnsiJGlkIjoiMTM0IiwiQ29sb3IiOnsiJGlkIjoiMTM1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zYiLCJUb3AiOjAuMCwiTGVmdCI6MC4wLCJSaWdodCI6MC4wLCJCb3R0b20iOjAuMH0sIlBhZGRpbmciOnsiJGlkIjoiMTM3IiwiVG9wIjowLjAsIkxlZnQiOjAuMCwiUmlnaHQiOjAuMCwiQm90dG9tIjowLjB9LCJCYWNrZ3JvdW5kIjp7IiRpZCI6IjEzOCIsIkNvbG9yIjp7IiRpZCI6IjEzOSIsIkEiOjg5LCJSIjowLCJHIjowLCJCIjowfX0sIklzVmlzaWJsZSI6dHJ1ZSwiV2lkdGgiOjAuMCwiSGVpZ2h0IjowLjAsIkJvcmRlclN0eWxlIjpudWxsLCJQYXJlbnRTdHlsZSI6bnVsbH0sIkRhdGVGb3JtYXQiOnsiJGlkIjoiMTQ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wIiwiRm9ybWF0IjowLCJJc1Zpc2libGUiOmZhbHNlLCJMYXN0S25vd25WaXNpYmlsaXR5U3RhdGUiOmZhbHNlfSwiSXNWaXNpYmxlIjp0cnVlLCJQYXJlbnRTdHlsZSI6bnVsbCwiX2V4cGxpY2l0bHlTZXQiOnsiJGlkIjoiMTk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NSIsIlRvcCI6MC4wLCJMZWZ0IjowLjAsIlJpZ2h0IjowLjAsIkJvdHRvbSI6MC4wfSwiUGFkZGluZyI6eyIkaWQiOiIyMDYiLCJUb3AiOjAuMCwiTGVmdCI6MC4wLCJSaWdodCI6MC4wLCJCb3R0b20iOjAuMH0sIkJhY2tncm91bmQiOnsiJGlkIjoiMjA3IiwiQ29sb3IiOnsiJGlkIjoiMjA4IiwiQSI6ODksIlIiOjAsIkciOjAsIkIiOjB9fSwiSXNWaXNpYmxlIjp0cnVlLCJXaWR0aCI6MC4wLCJIZWlnaHQiOjAuMCwiQm9yZGVyU3R5bGUiOm51bGw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eyIkaWQiOiIyMTUiLCJDb2xvciI6eyIkaWQiOiIyMTYiLCJBIjo4OSwiUiI6MCwiRyI6MCwiQiI6MH19LCJJc1Zpc2libGUiOnRydWUsIldpZHRoIjowLjAsIkhlaWdodCI6MC4wLCJCb3JkZXJTdHlsZSI6bnVsbCwiUGFyZW50U3R5bGUiOm51bGx9LCJEYXRlRm9ybWF0Ijp7IiRpZCI6IjIxN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bnVsbH0sIkRhdGVGb3JtYXQiOnsiJGlkIjoiNDI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OCwiRm9udE5hbWUiOiJBcmlhbCIsIklzQm9sZCI6ZmFsc2UsIklzSXRhbGljIjpmYWxzZSwiSXNVbmRlcmxpbmVkIjpmYWxzZSwiUGFyZW50U3R5bGUiOm51bGx9LCJBdXRvU2l6ZSI6MCwiRm9yZWdyb3VuZCI6eyIkaWQiOiI0OTkiLCJDb2xvciI6eyIkaWQiOiI1MDA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OCwiRm9udE5hbWUiOiJBcmlhbCIsIklzQm9sZCI6ZmFsc2UsIklzSXRhbGljIjpmYWxzZSwiSXNVbmRlcmxpbmVkIjpmYWxzZSwiUGFyZW50U3R5bGUiOm51bGx9LCJBdXRvU2l6ZSI6MCwiRm9yZWdyb3VuZCI6eyIkaWQiOiI1MjciLCJDb2xvciI6eyIkaWQiOiI1Mjg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yZWYiOiIxMzYifSwiUGFkZGluZyI6eyIkcmVmIjoiMTM3In0sIkJhY2tncm91bmQiOnsiJGlkIjoiNTI5IiwiQ29sb3IiOnsiJGlkIjoiNTMwIiwiQSI6MCwiUiI6MjU1LCJHIjoyNTUsIkIiOjI1NX19LCJJc1Zpc2libGUiOnRydWUsIldpZHRoIjowLjAsIkhlaWdodCI6MC4wLCJCb3JkZXJTdHlsZSI6eyIkaWQiOiI1MzEiLCJMaW5lQ29sb3IiOm51bGwsIkxpbmVXZWlnaHQiOjAuMCwiTGluZVR5cGUiOjAsIlBhcmVudFN0eWxlIjpudWxsfSwiUGFyZW50U3R5bGUiOm51bGx9LCJEYXRlRm9ybWF0Ijp7IiRpZCI6IjUzM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2NTciLCJDb2xvciI6eyIkaWQiOiI2NTgiLCJBIjowLCJSIjoyNTUsIkciOjI1NSwiQiI6MjU1fX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yZWYiOiIxMzYifSwiUGFkZGluZyI6eyIkcmVmIjoiMTM3In0sIkJhY2tncm91bmQiOnsiJGlkIjoiNjkyIiwiQ29sb3IiOnsiJGlkIjoiNjkzIiwiQSI6MCwiUiI6MjU1LCJHIjoyNTUsIkIiOjI1NX19LCJJc1Zpc2libGUiOnRydWUsIldpZHRoIjowLjAsIkhlaWdodCI6MC4wLCJCb3JkZXJTdHlsZSI6eyIkaWQiOiI2OTQiLCJMaW5lQ29sb3IiOm51bGwsIkxpbmVXZWlnaHQiOjAuMCwiTGluZVR5cGUiOjAsIlBhcmVudFN0eWxlIjpudWxsfSwiUGFyZW50U3R5bGUiOm51bGx9LCJEYXRlRm9ybWF0Ijp7IiRpZCI6IjY5N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UuMCxcIkxlZnRcIjowLjAsXCJSaWdodFwiOjAuMCxcIkJvdHRvbVwiOjUuMH0sXCJCYWNrZ3JvdW5kXCI6e1wiJGlkXCI6XCIxNlwiLFwiQ29sb3JcIjp7XCIkaWRcIjpcIjE3XCIsXCJBXCI6MjU1LFwiUlwiOjIyMCxcIkdcIjo3MSxcIkJcIjozOH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1LjAsXCJMZWZ0XCI6MC4wLFwiUmlnaHRcIjowLjAsXCJCb3R0b21cIjo1LjB9LFwiQmFja2dyb3VuZFwiOntcIiRpZFwiOlwiMjRcIixcIkNvbG9yXCI6e1wiJGlkXCI6XCIyNVwiLFwiQVwiOjI1NSxcIlJcIjoyMjAsXCJHXCI6NzEsXCJCXCI6Mzh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y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UuMCxcIkJvdHRvbVwiOjAuMH0sXCJQYWRkaW5nXCI6e1wiJGlkXCI6XCIzNFwiLFwiVG9wXCI6MC4wLFwiTGVmdFwiOjAuMCxcIlJpZ2h0XCI6MC4wLFwiQm90dG9tXCI6MC4wfSxcIkJhY2tncm91bmRcIjp7XCIkaWRcIjpcIjM1XCIsXCJDb2xvclwiOntcIiRpZFwiOlwiMzZcIixcIkFcIjo4OSxcIlJcIjowLFwiR1wiOjAsXCJCXCI6MH19LFwiSXNWaXNpYmxlXCI6ZmFsc2UsXCJXaWR0aFwiOjAuMCxcIkhlaWdodFwiOjAuMCxcIkJvcmRlclN0eWxlXCI6bnVsbH0sXCJMZWZ0RW5kQ2Fwc1N0eWxlXCI6e1wiJGlkXCI6XCIzN1wiLFwiRm9udFNldHRpbmdzXCI6e1wiJGlkXCI6XCIzOFwiLFwiRm9udFNpemVcIjoxMi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NS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CxcIkhhc0JlZW5WaXNpYmxlQmVmb3JlXCI6dHJ1ZSxcIkZvbnRTZXR0aW5nc1wiOntcIiRpZFwiOlwiNTdcIixcIkZvbnRTaXplXCI6OS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CxcIkhhc0JlZW5WaXNpYmxlQmVmb3JlXCI6ZmFsc2UsXCJGb250U2V0dGluZ3NcIjp7XCIkaWRcIjpcIjY0XCIsXCJGb250U2l6ZVwiOjk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AsXCJIYXNCZWVuVmlzaWJsZUJlZm9yZVwiOmZhbHNlLFwiRm9udFNldHRpbmdzXCI6e1wiJGlkXCI6XCI3MlwiLFwiRm9udFNpemVcIjo5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4OS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0cnVlLFwiRWxhcHNlZFRpbWVGb3JtYXRcIjoyLFwiVG9kYXlNYXJrZXJQb3NpdGlvblwiOjMsXCJRdWlja1Bvc2l0aW9uXCI6MyxcIkFic29sdXRlUG9zaXRpb25cIjoyMTY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zMSxcIkdcIjo3MyxcIkJcIjoxMjV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2OCxcIkdcIjoxMTQsXCJCXCI6MTk2fX0sXCJMaW5lV2VpZ2h0XCI6MS4w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O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5LFwiRm9udE5hbWVcIjpcIkNhbGlicmlcIixcIklzQm9sZFwiOmZhbHNlLFwiSXNJdGFsaWNcIjpmYWxzZSxcIklzVW5kZXJsaW5lZFwiOmZhbHNlfSxcIkF1dG9TaXplXCI6MCxcIkZvcmVncm91bmRcIjp7XCIkaWRcIjpcIjEwOFwiLFwiQ29sb3JcIjp7XCIkaWRcIjpcIjEwOVwiLFwiQVwiOjI1NSxcIlJcIjo0NyxcIkdcIjo1NCxcIkJcIjoxNTN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CxcIlNoYXBlVGhpY2tuZXNzXCI6MCxcIkR1cmF0aW9uRm9ybWF0XCI6N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O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5LFwiRm9udE5hbWVcIjpcIkNhbGlicmlcIixcIklzQm9sZFwiOmZhbHNlLFwiSXNJdGFsaWNcIjpmYWxzZSxcIklzVW5kZXJsaW5lZFwiOmZhbHNlfSxcIkF1dG9TaXplXCI6MCxcIkZvcmVncm91bmRcIjp7XCIkaWRcIjpcIjE1MlwiLFwiQ29sb3JcIjp7XCIkaWRcIjpcIjE1M1wiLFwiQVwiOjI1NSxcIlJcIjo3OCxcIkdcIjoxMDMsXCJCXCI6MjAwfX0sXCJCYWNrZ3JvdW5kRmlsbFR5cGVcIjowLFwiTWF4V2lkdGhcIjoyMDAuMCxcIk1heEhlaWdodFwiOlwiSW5maW5pdHlcIixcIlNtYXJ0Rm9yZWdyb3VuZElzQWN0aXZlXCI6ZmFsc2UsXCJIb3Jpem9udGFsQWxpZ25tZW50XCI6MC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QzNFwiLFwiU2hhcGVcIjo0LFwiU2hhcGVUaGlja25lc3NcIjowLFwiRHVyYXRpb25Gb3JtYXRcIjo0LFwiUGVyY2VudGFnZUNvbXBsZXRlU3R5bGVcIjp7XCIkaWRcIjpcIjQzNVwiLFwiRm9udFNldHRpbmdzXCI6e1wiJGlkXCI6XCI0MzZcIixcIkZvbnRTaXplXCI6MTAsXCJGb250TmFtZVwiOlwiQ2FsaWJyaVwiLFwiSXNCb2xkXCI6ZmFsc2UsXCJJc0l0YWxpY1wiOmZhbHNlLFwiSXNVbmRlcmxpbmVkXCI6ZmFsc2V9LFwiQXV0b1NpemVcIjowLFwiRm9yZWdyb3VuZFwiOntcIiRpZFwiOlwiNDM3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ltd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UNvbG9yXCI6e1wiJHJlZlwiOlwiMTQxXCJ9LFwiTGluZVdlaWdodFwiOjAuMCxcIkxpbmVUeXBlXCI6MH19LFwiVGl0bGVTdHlsZVwiOntcIiRpZFwiOlwiNDU1XCIsXCJGb250U2V0dGluZ3NcIjp7XCIkaWRcIjpcIjQ1NlwiLFwiRm9udFNpemVcIjo5LFwiRm9udE5hbWVcIjpcIkNhbGlicmlcIixcIklzQm9sZFwiOnRydWUsXCJJc0l0YWxpY1wiOmZhbHNlLFwiSXNVbmRlcmxpbmVkXCI6ZmFsc2V9LFwiQXV0b1NpemVcIjowLFwiRm9yZWdyb3VuZFwiOntcIiRpZFwiOlwiNDU3XCIsXCJDb2xvclwiOntcIiRpZFwiOlwiNDU4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NzBcIixcIlNoYXBlXCI6NCxcIlNoYXBlVGhpY2tuZXNzXCI6MCxcIkR1cmF0aW9uRm9ybWF0XCI6NCxcIlBlcmNlbnRhZ2VDb21wbGV0ZVN0eWxlXCI6e1wiJGlkXCI6XCI0NzFcIixcIkZvbnRTZXR0aW5nc1wiOntcIiRpZFwiOlwiNDcyXCIsXCJGb250U2l6ZVwiOjEwLFwiRm9udE5hbWVcIjpcIkNhbGlicmlcIixcIklzQm9sZFwiOmZhbHNlLFwiSXNJdGFsaWNcIjpmYWxzZSxcIklzVW5kZXJsaW5lZFwiOmZhbHNlfSxcIkF1dG9TaXplXCI6MCxcIkZvcmVncm91bmRcIjp7XCIkaWRcIjpcIjQ3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A2XCIsXCJTaGFwZVwiOjQsXCJTaGFwZVRoaWNrbmVzc1wiOjAsXCJEdXJhdGlvbkZvcm1hdFwiOjQsXCJQZXJjZW50YWdlQ29tcGxldGVTdHlsZVwiOntcIiRpZFwiOlwiNTA3XCIsXCJGb250U2V0dGluZ3NcIjp7XCIkaWRcIjpcIjUwOFwiLFwiRm9udFNpemVcIjoxMCxcIkZvbnROYW1lXCI6XCJDYWxpYnJpXCIsXCJJc0JvbGRcIjpmYWxzZSxcIklzSXRhbGljXCI6ZmFsc2UsXCJJc1VuZGVybGluZWRcIjpmYWxzZX0sXCJBdXRvU2l6ZVwiOjAsXCJGb3JlZ3JvdW5kXCI6e1wiJGlkXCI6XCI1MDl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0MlwiLFwiU2hhcGVcIjo0LFwiU2hhcGVUaGlja25lc3NcIjowLFwiRHVyYXRpb25Gb3JtYXRcIjo0LFwiUGVyY2VudGFnZUNvbXBsZXRlU3R5bGVcIjp7XCIkaWRcIjpcIjU0M1wiLFwiRm9udFNldHRpbmdzXCI6e1wiJGlkXCI6XCI1NDRcIixcIkZvbnRTaXplXCI6MTAsXCJGb250TmFtZVwiOlwiQ2FsaWJyaVwiLFwiSXNCb2xkXCI6ZmFsc2UsXCJJc0l0YWxpY1wiOmZhbHNlLFwiSXNVbmRlcmxpbmVkXCI6ZmFsc2V9LFwiQXV0b1NpemVcIjowLFwiRm9yZWdyb3VuZFwiOntcIiRpZFwiOlwiNTQ1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NzhcIixcIlNoYXBlXCI6NCxcIlNoYXBlVGhpY2tuZXNzXCI6MCxcIkR1cmF0aW9uRm9ybWF0XCI6NCxcIlBlcmNlbnRhZ2VDb21wbGV0ZVN0eWxlXCI6e1wiJGlkXCI6XCI1NzlcIixcIkZvbnRTZXR0aW5nc1wiOntcIiRpZFwiOlwiNTgwXCIsXCJGb250U2l6ZVwiOjEwLFwiRm9udE5hbWVcIjpcIkNhbGlicmlcIixcIklzQm9sZFwiOmZhbHNlLFwiSXNJdGFsaWNcIjpmYWxzZSxcIklzVW5kZXJsaW5lZFwiOmZhbHNlfSxcIkF1dG9TaXplXCI6MCxcIkZvcmVncm91bmRcIjp7XCIkaWRcIjpcIjU4M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E0XCIsXCJTaGFwZVwiOjQsXCJTaGFwZVRoaWNrbmVzc1wiOjAsXCJEdXJhdGlvbkZvcm1hdFwiOjQsXCJQZXJjZW50YWdlQ29tcGxldGVTdHlsZVwiOntcIiRpZFwiOlwiNjE1XCIsXCJGb250U2V0dGluZ3NcIjp7XCIkaWRcIjpcIjYxNlwiLFwiRm9udFNpemVcIjoxMCxcIkZvbnROYW1lXCI6XCJDYWxpYnJpXCIsXCJJc0JvbGRcIjpmYWxzZSxcIklzSXRhbGljXCI6ZmFsc2UsXCJJc1VuZGVybGluZWRcIjpmYWxzZX0sXCJBdXRvU2l6ZVwiOjAsXCJGb3JlZ3JvdW5kXCI6e1wiJGlkXCI6XCI2MTd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Y1MFwiLFwiU2hhcGVcIjo0LFwiU2hhcGVUaGlja25lc3NcIjowLFwiRHVyYXRpb25Gb3JtYXRcIjo0LFwiUGVyY2VudGFnZUNvbXBsZXRlU3R5bGVcIjp7XCIkaWRcIjpcIjY1MVwiLFwiRm9udFNldHRpbmdzXCI6e1wiJGlkXCI6XCI2NTJcIixcIkZvbnRTaXplXCI6MTAsXCJGb250TmFtZVwiOlwiQ2FsaWJyaVwiLFwiSXNCb2xkXCI6ZmFsc2UsXCJJc0l0YWxpY1wiOmZhbHNlLFwiSXNVbmRlcmxpbmVkXCI6ZmFsc2V9LFwiQXV0b1NpemVcIjowLFwiRm9yZWdyb3VuZFwiOntcIiRpZFwiOlwiNjU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ODZcIixcIlNoYXBlXCI6NCxcIlNoYXBlVGhpY2tuZXNzXCI6MCxcIkR1cmF0aW9uRm9ybWF0XCI6NCxcIlBlcmNlbnRhZ2VDb21wbGV0ZVN0eWxlXCI6e1wiJGlkXCI6XCI2ODdcIixcIkZvbnRTZXR0aW5nc1wiOntcIiRpZFwiOlwiNjg4XCIsXCJGb250U2l6ZVwiOjEwLFwiRm9udE5hbWVcIjpcIkNhbGlicmlcIixcIklzQm9sZFwiOmZhbHNlLFwiSXNJdGFsaWNcIjpmYWxzZSxcIklzVW5kZXJsaW5lZFwiOmZhbHNlfSxcIkF1dG9TaXplXCI6MCxcIkZvcmVncm91bmRcIjp7XCIkaWRcIjpcIjY4O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zIyXCIsXCJTaGFwZVwiOjQsXCJTaGFwZVRoaWNrbmVzc1wiOjAsXCJEdXJhdGlvbkZvcm1hdFwiOjQsXCJQZXJjZW50YWdlQ29tcGxldGVTdHlsZVwiOntcIiRpZFwiOlwiNzIzXCIsXCJGb250U2V0dGluZ3NcIjp7XCIkaWRcIjpcIjcyNFwiLFwiRm9udFNpemVcIjoxMCxcIkZvbnROYW1lXCI6XCJDYWxpYnJpXCIsXCJJc0JvbGRcIjpmYWxzZSxcIklzSXRhbGljXCI6ZmFsc2UsXCJJc1VuZGVybGluZWRcIjpmYWxzZX0sXCJBdXRvU2l6ZVwiOjAsXCJGb3JlZ3JvdW5kXCI6e1wiJGlkXCI6XCI3MjV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AzIiwiVXNlVGltZSI6ZmFsc2UsIldvcmtEYXlTdGFydCI6IjAwOjAwOjAwIiwiV29ya0RheUVuZCI6IjIzOjU5OjAwIn0sIkxhc3RVc2VkVGVtcGxhdGVJZCI6ImVjYmM2YTJjLTRiYTctNDliZS04OWEzLTU1NzgzMWNiNWUyMCIsIkZpcnN0V2Vla09mWWVhciI6MCwiUGxhY2VNaWxlc3RvbmVBdFRoZUJlZ2lubmluZ09mVGhlRGF5IjpmYWxzZSwiRGVwZW5kZW5jeVNjaGVkdWxpbmdTZXR0aW5ncyI6eyIkaWQiOiI3MDQ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1-02-11T23:59:00.0000000"/>
  <p:tag name="OTLPOSITIONONTASK" val="None"/>
  <p:tag name="OTLRELATEDTASKID" val="00000000-0000-0000-0000-000000000000"/>
  <p:tag name="OTLMTITLE" val="The Agile Alliance is established&#10;The Agile Manifesto and Principles are released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93-01-01T23:59:00.0000000"/>
  <p:tag name="OTLPOSITIONONTASK" val="None"/>
  <p:tag name="OTLRELATEDTASKID" val="00000000-0000-0000-0000-000000000000"/>
  <p:tag name="OTLMTITLE" val="Jeff Sutherland uses Scrum for software development for the first time at Easel Corporatio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en Schwaber and Mike Cohn co-found the Scrum Alliance"/>
  <p:tag name="OTLDATE" val="2002-01-01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9-01-01T23:59:00.0000000"/>
  <p:tag name="OTLPOSITIONONTASK" val="None"/>
  <p:tag name="OTLRELATEDTASKID" val="00000000-0000-0000-0000-000000000000"/>
  <p:tag name="OTLMTITLE" val="Ken Schwaber founds Scrum.org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95-10-15T23:59:00.0000000"/>
  <p:tag name="OTLPOSITIONONTASK" val="None"/>
  <p:tag name="OTLRELATEDTASKID" val="00000000-0000-0000-0000-000000000000"/>
  <p:tag name="OTLMTITLE" val="OOPSLA 95 conference:&#10;Jeff Sutherland and Ken Schwaber formalize the Scrum Development Framework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1-10-10T23:59:00.0000000"/>
  <p:tag name="OTLPOSITIONONTASK" val="None"/>
  <p:tag name="OTLRELATEDTASKID" val="00000000-0000-0000-0000-000000000000"/>
  <p:tag name="OTLMTITLE" val="First Scrum book:&#10;Agile Software Development with Scrum (Ken Schwaber, Mike Beedle)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6-01-01T23:59:00.0000000"/>
  <p:tag name="OTLPOSITIONONTASK" val="None"/>
  <p:tag name="OTLRELATEDTASKID" val="00000000-0000-0000-0000-000000000000"/>
  <p:tag name="OTLMTITLE" val="Jeff Sutherland creates his own company, Scrum.inc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3-07-01T23:59:00.0000000"/>
  <p:tag name="OTLPOSITIONONTASK" val="None"/>
  <p:tag name="OTLRELATEDTASKID" val="00000000-0000-0000-0000-000000000000"/>
  <p:tag name="OTLMTITLE" val="The Scrum Guide Version 4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11-01T23:59:00.0000000"/>
  <p:tag name="OTLPOSITIONONTASK" val="None"/>
  <p:tag name="OTLRELATEDTASKID" val="00000000-0000-0000-0000-000000000000"/>
  <p:tag name="OTLMTITLE" val="The Scrum Guide Version 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1-07-01T23:59:00.0000000"/>
  <p:tag name="OTLPOSITIONONTASK" val="None"/>
  <p:tag name="OTLRELATEDTASKID" val="00000000-0000-0000-0000-000000000000"/>
  <p:tag name="OTLMTITLE" val="The Scrum Guide Versions 2, 3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6-07-01T23:59:00.0000000"/>
  <p:tag name="OTLPOSITIONONTASK" val="None"/>
  <p:tag name="OTLRELATEDTASKID" val="00000000-0000-0000-0000-000000000000"/>
  <p:tag name="OTLMTITLE" val="The Scrum Guide&#10;Version 5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0-02-01T23:59:00.0000000"/>
  <p:tag name="OTLPOSITIONONTASK" val="None"/>
  <p:tag name="OTLRELATEDTASKID" val="00000000-0000-0000-0000-000000000000"/>
  <p:tag name="OTLMTITLE" val="The first Scrum Guide&#10;is published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86-01-15T23:59:00.0000000"/>
  <p:tag name="OTLPOSITIONONTASK" val="None"/>
  <p:tag name="OTLRELATEDTASKID" val="00000000-0000-0000-0000-000000000000"/>
  <p:tag name="OTLMTITLE" val="“Scrum” term appears in&#10;Harvard Business Review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Scrum Guide Version 7"/>
  <p:tag name="OTLDATE" val="2020-10-01T23:59:00.0000000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AUTODATERANGE" val="True"/>
  <p:tag name="OTLTIMEBANDSTARTDATE" val="1620-09-25T23:59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1.66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30"/>
  <p:tag name="OTLTIMEBANDSHAPEPADDINGLEFT" val="0"/>
  <p:tag name="OTLTIMEBANDENDDATE" val="2020-11-01T23:59:00.0000000"/>
  <p:tag name="OTLTIMEBANDTHREEDEFFECTS" val="Non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7</Words>
  <Application>Microsoft Office PowerPoint</Application>
  <PresentationFormat>Widescreen</PresentationFormat>
  <Paragraphs>5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7-11T08:21:40Z</dcterms:created>
  <dcterms:modified xsi:type="dcterms:W3CDTF">2023-08-01T13:36:18Z</dcterms:modified>
</cp:coreProperties>
</file>